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09\group\04_社会参加推進Ｇ\002_各事業\009_就労\04_工賃向上計画\03_工賃実績\01_工賃実績調査\01_工賃実績調査（H25～）\H29工賃実績調査\05_公表用データ\"/>
    </mc:Choice>
  </mc:AlternateContent>
  <bookViews>
    <workbookView xWindow="600" yWindow="30" windowWidth="19395" windowHeight="8055"/>
  </bookViews>
  <sheets>
    <sheet name="概要【プラン対象】" sheetId="1" r:id="rId1"/>
  </sheets>
  <externalReferences>
    <externalReference r:id="rId2"/>
  </externalReferences>
  <definedNames>
    <definedName name="_xlnm.Print_Area" localSheetId="0">概要【プラン対象】!$A$1:$I$29</definedName>
    <definedName name="法人種類">'[1]（リスト）'!$A$2:$A$15</definedName>
  </definedNames>
  <calcPr calcId="152511"/>
</workbook>
</file>

<file path=xl/calcChain.xml><?xml version="1.0" encoding="utf-8"?>
<calcChain xmlns="http://schemas.openxmlformats.org/spreadsheetml/2006/main">
  <c r="E29" i="1" l="1"/>
  <c r="D29" i="1"/>
  <c r="H29" i="1" l="1"/>
  <c r="F29" i="1"/>
  <c r="C29" i="1"/>
  <c r="H14" i="1" l="1"/>
  <c r="F14" i="1"/>
  <c r="D14" i="1"/>
  <c r="E14" i="1"/>
  <c r="C14" i="1"/>
  <c r="G14" i="1" l="1"/>
  <c r="I14" i="1"/>
</calcChain>
</file>

<file path=xl/sharedStrings.xml><?xml version="1.0" encoding="utf-8"?>
<sst xmlns="http://schemas.openxmlformats.org/spreadsheetml/2006/main" count="54" uniqueCount="32">
  <si>
    <t>合計</t>
    <rPh sb="0" eb="2">
      <t>ゴウケイ</t>
    </rPh>
    <phoneticPr fontId="2"/>
  </si>
  <si>
    <t>県西</t>
    <rPh sb="0" eb="2">
      <t>ケンセイ</t>
    </rPh>
    <phoneticPr fontId="2"/>
  </si>
  <si>
    <t>県央</t>
    <rPh sb="0" eb="2">
      <t>ケンオウ</t>
    </rPh>
    <phoneticPr fontId="2"/>
  </si>
  <si>
    <t>湘南西部</t>
    <rPh sb="0" eb="2">
      <t>ショウナン</t>
    </rPh>
    <rPh sb="2" eb="4">
      <t>セイブ</t>
    </rPh>
    <phoneticPr fontId="2"/>
  </si>
  <si>
    <t>湘南東部</t>
    <rPh sb="0" eb="2">
      <t>ショウナン</t>
    </rPh>
    <rPh sb="2" eb="4">
      <t>トウブ</t>
    </rPh>
    <phoneticPr fontId="2"/>
  </si>
  <si>
    <t>横須賀･三浦</t>
    <rPh sb="0" eb="3">
      <t>ヨコスカ</t>
    </rPh>
    <rPh sb="4" eb="6">
      <t>ミウラ</t>
    </rPh>
    <phoneticPr fontId="2"/>
  </si>
  <si>
    <t>相模原</t>
    <rPh sb="0" eb="3">
      <t>サガミハラ</t>
    </rPh>
    <phoneticPr fontId="2"/>
  </si>
  <si>
    <t>川崎</t>
    <rPh sb="0" eb="2">
      <t>カワサキ</t>
    </rPh>
    <phoneticPr fontId="2"/>
  </si>
  <si>
    <t>就労継続支援
Ｂ型</t>
    <rPh sb="0" eb="2">
      <t>シュウロウ</t>
    </rPh>
    <rPh sb="2" eb="4">
      <t>ケイゾク</t>
    </rPh>
    <rPh sb="4" eb="6">
      <t>シエン</t>
    </rPh>
    <rPh sb="8" eb="9">
      <t>ガタ</t>
    </rPh>
    <phoneticPr fontId="2"/>
  </si>
  <si>
    <t>横浜</t>
    <rPh sb="0" eb="2">
      <t>ヨコハマ</t>
    </rPh>
    <phoneticPr fontId="2"/>
  </si>
  <si>
    <t>平均工賃
額(円)</t>
    <rPh sb="0" eb="2">
      <t>ヘイキン</t>
    </rPh>
    <rPh sb="2" eb="4">
      <t>コウチン</t>
    </rPh>
    <rPh sb="5" eb="6">
      <t>ガク</t>
    </rPh>
    <rPh sb="7" eb="8">
      <t>エン</t>
    </rPh>
    <phoneticPr fontId="2"/>
  </si>
  <si>
    <t>工賃支払対象者延べ人数</t>
    <rPh sb="0" eb="2">
      <t>コウチン</t>
    </rPh>
    <rPh sb="2" eb="4">
      <t>シハライ</t>
    </rPh>
    <rPh sb="4" eb="6">
      <t>タイショウ</t>
    </rPh>
    <rPh sb="6" eb="7">
      <t>シャ</t>
    </rPh>
    <rPh sb="7" eb="8">
      <t>ノ</t>
    </rPh>
    <rPh sb="9" eb="11">
      <t>ニンズウ</t>
    </rPh>
    <phoneticPr fontId="2"/>
  </si>
  <si>
    <t>【時間額】</t>
    <rPh sb="1" eb="4">
      <t>ジカンガク</t>
    </rPh>
    <phoneticPr fontId="2"/>
  </si>
  <si>
    <t>【月額】</t>
    <rPh sb="1" eb="3">
      <t>ゲツガク</t>
    </rPh>
    <phoneticPr fontId="2"/>
  </si>
  <si>
    <t>工賃支払総額
(円)</t>
    <rPh sb="0" eb="2">
      <t>コウチン</t>
    </rPh>
    <rPh sb="2" eb="4">
      <t>シハライ</t>
    </rPh>
    <rPh sb="4" eb="6">
      <t>ソウガク</t>
    </rPh>
    <rPh sb="8" eb="9">
      <t>エン</t>
    </rPh>
    <phoneticPr fontId="2"/>
  </si>
  <si>
    <t>定員
(人)</t>
    <rPh sb="0" eb="2">
      <t>テイイン</t>
    </rPh>
    <rPh sb="4" eb="5">
      <t>ニン</t>
    </rPh>
    <phoneticPr fontId="2"/>
  </si>
  <si>
    <t>施設数</t>
    <rPh sb="0" eb="3">
      <t>シセツスウ</t>
    </rPh>
    <phoneticPr fontId="2"/>
  </si>
  <si>
    <t>施設種別</t>
    <rPh sb="0" eb="2">
      <t>シセツ</t>
    </rPh>
    <rPh sb="2" eb="4">
      <t>シュベツ</t>
    </rPh>
    <phoneticPr fontId="2"/>
  </si>
  <si>
    <t>圏域</t>
    <rPh sb="0" eb="2">
      <t>ケンイキ</t>
    </rPh>
    <phoneticPr fontId="2"/>
  </si>
  <si>
    <t>時間額</t>
    <rPh sb="0" eb="3">
      <t>ジカンガク</t>
    </rPh>
    <phoneticPr fontId="2"/>
  </si>
  <si>
    <t>月額</t>
    <rPh sb="0" eb="2">
      <t>ゲツガク</t>
    </rPh>
    <phoneticPr fontId="2"/>
  </si>
  <si>
    <t>就労継続支援Ｂ型</t>
    <rPh sb="0" eb="2">
      <t>シュウロウ</t>
    </rPh>
    <rPh sb="2" eb="4">
      <t>ケイゾク</t>
    </rPh>
    <rPh sb="4" eb="6">
      <t>シエン</t>
    </rPh>
    <rPh sb="7" eb="8">
      <t>ガタ</t>
    </rPh>
    <phoneticPr fontId="2"/>
  </si>
  <si>
    <t>目標工賃</t>
    <rPh sb="0" eb="2">
      <t>モクヒョウ</t>
    </rPh>
    <rPh sb="2" eb="4">
      <t>コウチン</t>
    </rPh>
    <phoneticPr fontId="2"/>
  </si>
  <si>
    <t>※
施設数</t>
    <rPh sb="2" eb="5">
      <t>シセツスウ</t>
    </rPh>
    <phoneticPr fontId="2"/>
  </si>
  <si>
    <t>工賃支払対象者延べ人数※</t>
    <rPh sb="0" eb="2">
      <t>コウチン</t>
    </rPh>
    <rPh sb="2" eb="4">
      <t>シハライ</t>
    </rPh>
    <rPh sb="4" eb="6">
      <t>タイショウ</t>
    </rPh>
    <rPh sb="6" eb="7">
      <t>シャ</t>
    </rPh>
    <rPh sb="7" eb="8">
      <t>ノ</t>
    </rPh>
    <rPh sb="9" eb="11">
      <t>ニンズウ</t>
    </rPh>
    <phoneticPr fontId="2"/>
  </si>
  <si>
    <t>（１）施設種別（県内全施設）</t>
    <rPh sb="3" eb="5">
      <t>シセツ</t>
    </rPh>
    <rPh sb="5" eb="7">
      <t>シュベツ</t>
    </rPh>
    <rPh sb="8" eb="9">
      <t>ケン</t>
    </rPh>
    <rPh sb="9" eb="10">
      <t>ナイ</t>
    </rPh>
    <rPh sb="10" eb="11">
      <t>ゼン</t>
    </rPh>
    <rPh sb="11" eb="13">
      <t>シセツ</t>
    </rPh>
    <phoneticPr fontId="2"/>
  </si>
  <si>
    <t>　第３期かながわ工賃アップ推進プラン策定時(H27.4.1時点)に指定を受けていた就労継続支援Ｂ型事業所について、該当事業所が設定した目標工賃（月額または時間額）別の工賃実績。</t>
    <rPh sb="57" eb="59">
      <t>ガイトウ</t>
    </rPh>
    <rPh sb="59" eb="62">
      <t>ジギョウショ</t>
    </rPh>
    <rPh sb="63" eb="65">
      <t>セッテイ</t>
    </rPh>
    <rPh sb="67" eb="69">
      <t>モクヒョウ</t>
    </rPh>
    <rPh sb="69" eb="71">
      <t>コウチン</t>
    </rPh>
    <rPh sb="72" eb="74">
      <t>ゲツガク</t>
    </rPh>
    <rPh sb="77" eb="80">
      <t>ジカンガク</t>
    </rPh>
    <rPh sb="81" eb="82">
      <t>ベツ</t>
    </rPh>
    <rPh sb="83" eb="85">
      <t>コウチン</t>
    </rPh>
    <rPh sb="85" eb="87">
      <t>ジッセキ</t>
    </rPh>
    <phoneticPr fontId="2"/>
  </si>
  <si>
    <t>※プラン策定時(H27.4.1)に目標工賃を【月額】に設定した事業所数は222事業所で、【時間額】に設定した事業所数は162事業所ですが、平成29年度末時点において、【月額】15事業所、【時間額】16事業所が廃止となっています。</t>
    <rPh sb="4" eb="6">
      <t>サクテイ</t>
    </rPh>
    <rPh sb="6" eb="7">
      <t>ジ</t>
    </rPh>
    <rPh sb="17" eb="19">
      <t>モクヒョウ</t>
    </rPh>
    <rPh sb="19" eb="21">
      <t>コウチン</t>
    </rPh>
    <rPh sb="23" eb="25">
      <t>ゲツガク</t>
    </rPh>
    <rPh sb="27" eb="29">
      <t>セッテイ</t>
    </rPh>
    <rPh sb="31" eb="34">
      <t>ジギョウショ</t>
    </rPh>
    <rPh sb="34" eb="35">
      <t>スウ</t>
    </rPh>
    <rPh sb="39" eb="42">
      <t>ジギョウショ</t>
    </rPh>
    <rPh sb="45" eb="47">
      <t>ジカン</t>
    </rPh>
    <rPh sb="47" eb="48">
      <t>ガク</t>
    </rPh>
    <rPh sb="50" eb="52">
      <t>セッテイ</t>
    </rPh>
    <rPh sb="54" eb="56">
      <t>ジギョウ</t>
    </rPh>
    <rPh sb="56" eb="57">
      <t>ショ</t>
    </rPh>
    <rPh sb="57" eb="58">
      <t>スウ</t>
    </rPh>
    <rPh sb="62" eb="64">
      <t>ジギョウ</t>
    </rPh>
    <rPh sb="64" eb="65">
      <t>ショ</t>
    </rPh>
    <rPh sb="69" eb="71">
      <t>ヘイセイ</t>
    </rPh>
    <rPh sb="73" eb="74">
      <t>ネン</t>
    </rPh>
    <rPh sb="74" eb="75">
      <t>ド</t>
    </rPh>
    <rPh sb="75" eb="76">
      <t>マツ</t>
    </rPh>
    <rPh sb="76" eb="78">
      <t>ジテン</t>
    </rPh>
    <rPh sb="84" eb="86">
      <t>ゲツガク</t>
    </rPh>
    <rPh sb="89" eb="91">
      <t>ジギョウ</t>
    </rPh>
    <rPh sb="91" eb="92">
      <t>ショ</t>
    </rPh>
    <rPh sb="94" eb="96">
      <t>ジカン</t>
    </rPh>
    <rPh sb="96" eb="97">
      <t>ガク</t>
    </rPh>
    <rPh sb="100" eb="102">
      <t>ジギョウ</t>
    </rPh>
    <rPh sb="102" eb="103">
      <t>ショ</t>
    </rPh>
    <rPh sb="104" eb="106">
      <t>ハイシ</t>
    </rPh>
    <phoneticPr fontId="2"/>
  </si>
  <si>
    <t>　第３期かながわ工賃アップ推進プラン策定時(H27.4.1時点)に指定を受けていた就労継続支援Ｂ型事業所について、障害保健福祉圏域別の工賃実績。</t>
    <rPh sb="57" eb="59">
      <t>ショウガイ</t>
    </rPh>
    <rPh sb="59" eb="61">
      <t>ホケン</t>
    </rPh>
    <rPh sb="61" eb="63">
      <t>フクシ</t>
    </rPh>
    <rPh sb="63" eb="65">
      <t>ケンイキ</t>
    </rPh>
    <rPh sb="65" eb="66">
      <t>ベツ</t>
    </rPh>
    <rPh sb="67" eb="69">
      <t>コウチン</t>
    </rPh>
    <rPh sb="69" eb="71">
      <t>ジッセキ</t>
    </rPh>
    <phoneticPr fontId="2"/>
  </si>
  <si>
    <t>平成２９年度工賃実績状況（第３期プラン対象事業所）</t>
    <rPh sb="0" eb="2">
      <t>ヘイセイ</t>
    </rPh>
    <rPh sb="4" eb="6">
      <t>ネンド</t>
    </rPh>
    <rPh sb="6" eb="8">
      <t>コウチン</t>
    </rPh>
    <rPh sb="8" eb="10">
      <t>ジッセキ</t>
    </rPh>
    <rPh sb="10" eb="12">
      <t>ジョウキョウ</t>
    </rPh>
    <rPh sb="13" eb="14">
      <t>ダイ</t>
    </rPh>
    <rPh sb="15" eb="16">
      <t>キ</t>
    </rPh>
    <rPh sb="19" eb="21">
      <t>タイショウ</t>
    </rPh>
    <rPh sb="21" eb="24">
      <t>ジギョウショ</t>
    </rPh>
    <phoneticPr fontId="2"/>
  </si>
  <si>
    <t>（２）目標工賃別（第３期プラン対象事業所の追跡調査）</t>
    <rPh sb="3" eb="5">
      <t>モクヒョウ</t>
    </rPh>
    <rPh sb="5" eb="7">
      <t>コウチン</t>
    </rPh>
    <rPh sb="7" eb="8">
      <t>ベツ</t>
    </rPh>
    <rPh sb="9" eb="10">
      <t>ダイ</t>
    </rPh>
    <rPh sb="11" eb="12">
      <t>キ</t>
    </rPh>
    <rPh sb="15" eb="17">
      <t>タイショウ</t>
    </rPh>
    <rPh sb="17" eb="20">
      <t>ジギョウショ</t>
    </rPh>
    <rPh sb="21" eb="23">
      <t>ツイセキ</t>
    </rPh>
    <rPh sb="23" eb="25">
      <t>チョウサ</t>
    </rPh>
    <phoneticPr fontId="2"/>
  </si>
  <si>
    <t>（３）障害保健福祉圏域別（第３期プラン対象事業所の追跡調査）</t>
    <rPh sb="3" eb="5">
      <t>ショウガイ</t>
    </rPh>
    <rPh sb="5" eb="7">
      <t>ホケン</t>
    </rPh>
    <rPh sb="7" eb="9">
      <t>フクシ</t>
    </rPh>
    <rPh sb="9" eb="11">
      <t>ケンイキ</t>
    </rPh>
    <rPh sb="11" eb="12">
      <t>ベ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b/>
      <sz val="11"/>
      <name val="ＭＳ Ｐゴシック"/>
      <family val="3"/>
      <charset val="128"/>
    </font>
    <font>
      <b/>
      <sz val="10"/>
      <name val="ＭＳ 明朝"/>
      <family val="1"/>
      <charset val="128"/>
    </font>
    <font>
      <sz val="1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/>
  </cellStyleXfs>
  <cellXfs count="66">
    <xf numFmtId="0" fontId="0" fillId="0" borderId="0" xfId="0">
      <alignment vertical="center"/>
    </xf>
    <xf numFmtId="38" fontId="3" fillId="0" borderId="1" xfId="1" applyFont="1" applyBorder="1" applyAlignment="1"/>
    <xf numFmtId="38" fontId="3" fillId="0" borderId="4" xfId="1" applyFont="1" applyBorder="1" applyAlignment="1"/>
    <xf numFmtId="0" fontId="3" fillId="0" borderId="4" xfId="0" applyFont="1" applyBorder="1" applyAlignment="1">
      <alignment horizontal="center" vertical="center"/>
    </xf>
    <xf numFmtId="38" fontId="3" fillId="0" borderId="6" xfId="1" applyFont="1" applyBorder="1" applyAlignment="1"/>
    <xf numFmtId="0" fontId="3" fillId="0" borderId="6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5" fillId="0" borderId="0" xfId="0" applyFont="1">
      <alignment vertical="center"/>
    </xf>
    <xf numFmtId="38" fontId="3" fillId="0" borderId="11" xfId="1" applyFont="1" applyBorder="1" applyAlignment="1"/>
    <xf numFmtId="38" fontId="3" fillId="0" borderId="12" xfId="1" applyFont="1" applyBorder="1" applyAlignment="1"/>
    <xf numFmtId="38" fontId="3" fillId="0" borderId="17" xfId="1" applyFont="1" applyBorder="1" applyAlignment="1"/>
    <xf numFmtId="0" fontId="3" fillId="0" borderId="4" xfId="0" applyFont="1" applyBorder="1" applyAlignment="1"/>
    <xf numFmtId="38" fontId="3" fillId="0" borderId="20" xfId="1" applyFont="1" applyBorder="1" applyAlignment="1"/>
    <xf numFmtId="0" fontId="3" fillId="0" borderId="6" xfId="0" applyFont="1" applyBorder="1" applyAlignment="1"/>
    <xf numFmtId="0" fontId="3" fillId="0" borderId="18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0" fillId="0" borderId="0" xfId="0" applyFill="1" applyBorder="1" applyAlignment="1">
      <alignment horizontal="left" vertical="center"/>
    </xf>
    <xf numFmtId="0" fontId="5" fillId="0" borderId="0" xfId="0" applyFont="1" applyFill="1" applyBorder="1" applyAlignment="1">
      <alignment horizontal="left" vertical="center"/>
    </xf>
    <xf numFmtId="38" fontId="3" fillId="0" borderId="25" xfId="1" applyFont="1" applyBorder="1" applyAlignment="1"/>
    <xf numFmtId="38" fontId="3" fillId="0" borderId="26" xfId="1" applyFont="1" applyBorder="1" applyAlignment="1"/>
    <xf numFmtId="0" fontId="7" fillId="0" borderId="0" xfId="0" applyFont="1">
      <alignment vertical="center"/>
    </xf>
    <xf numFmtId="38" fontId="3" fillId="0" borderId="3" xfId="1" applyFont="1" applyBorder="1" applyAlignment="1"/>
    <xf numFmtId="0" fontId="4" fillId="0" borderId="27" xfId="0" applyFont="1" applyBorder="1" applyAlignment="1">
      <alignment horizontal="center" vertical="center" wrapText="1"/>
    </xf>
    <xf numFmtId="38" fontId="3" fillId="0" borderId="31" xfId="1" applyFont="1" applyBorder="1" applyAlignment="1"/>
    <xf numFmtId="38" fontId="3" fillId="0" borderId="2" xfId="1" applyFont="1" applyBorder="1" applyAlignment="1"/>
    <xf numFmtId="38" fontId="3" fillId="0" borderId="32" xfId="1" applyFont="1" applyBorder="1" applyAlignment="1"/>
    <xf numFmtId="38" fontId="6" fillId="0" borderId="19" xfId="1" applyFont="1" applyFill="1" applyBorder="1" applyAlignment="1"/>
    <xf numFmtId="38" fontId="6" fillId="0" borderId="18" xfId="1" applyFont="1" applyFill="1" applyBorder="1" applyAlignment="1"/>
    <xf numFmtId="38" fontId="3" fillId="0" borderId="27" xfId="1" applyFont="1" applyFill="1" applyBorder="1" applyAlignment="1"/>
    <xf numFmtId="38" fontId="3" fillId="0" borderId="18" xfId="1" applyFont="1" applyFill="1" applyBorder="1" applyAlignment="1"/>
    <xf numFmtId="38" fontId="3" fillId="0" borderId="16" xfId="1" applyFont="1" applyFill="1" applyBorder="1" applyAlignment="1"/>
    <xf numFmtId="38" fontId="3" fillId="0" borderId="15" xfId="1" applyFont="1" applyFill="1" applyBorder="1" applyAlignment="1"/>
    <xf numFmtId="38" fontId="6" fillId="0" borderId="30" xfId="1" applyFont="1" applyFill="1" applyBorder="1" applyAlignment="1"/>
    <xf numFmtId="38" fontId="6" fillId="0" borderId="15" xfId="1" applyFont="1" applyFill="1" applyBorder="1" applyAlignment="1"/>
    <xf numFmtId="0" fontId="3" fillId="0" borderId="8" xfId="0" applyFont="1" applyBorder="1" applyAlignment="1">
      <alignment horizontal="center" vertical="center" textRotation="255" shrinkToFit="1"/>
    </xf>
    <xf numFmtId="0" fontId="3" fillId="0" borderId="1" xfId="0" applyFont="1" applyBorder="1" applyAlignment="1">
      <alignment horizontal="center" vertical="center" textRotation="255" shrinkToFit="1"/>
    </xf>
    <xf numFmtId="0" fontId="3" fillId="0" borderId="0" xfId="0" applyFont="1" applyBorder="1" applyAlignment="1">
      <alignment horizontal="left" vertical="top" wrapText="1"/>
    </xf>
    <xf numFmtId="0" fontId="3" fillId="0" borderId="8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 textRotation="255" wrapText="1" shrinkToFit="1"/>
    </xf>
    <xf numFmtId="0" fontId="3" fillId="0" borderId="14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3" fillId="0" borderId="29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33" xfId="0" applyFont="1" applyBorder="1" applyAlignment="1">
      <alignment horizontal="left" vertical="top" wrapText="1"/>
    </xf>
    <xf numFmtId="0" fontId="3" fillId="0" borderId="2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textRotation="255" shrinkToFit="1"/>
    </xf>
    <xf numFmtId="0" fontId="3" fillId="0" borderId="9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28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group\04_&#25512;&#36914;&#65319;\002_&#21508;&#20107;&#26989;\009_&#23601;&#21172;\04_&#24037;&#36035;&#21521;&#19978;&#35336;&#30011;\03_&#24037;&#36035;&#23455;&#32318;\01_&#24037;&#36035;&#23455;&#32318;&#35519;&#26619;\01_&#24037;&#36035;&#23455;&#32318;&#35519;&#26619;&#65288;H17&#65374;&#65289;\H28&#24037;&#36035;&#23455;&#32318;&#35519;&#26619;\05_&#20844;&#34920;&#29992;&#12487;&#12540;&#12479;\&#65288;&#22266;&#23450;&#65289;&#20107;&#26989;&#32773;&#21517;&#31807;25.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25.3"/>
      <sheetName val="3月指定一覧"/>
      <sheetName val="1-1居宅介護(11)"/>
      <sheetName val="1-2重度訪問（12）"/>
      <sheetName val="1-3行動援護（13）"/>
      <sheetName val="1-5同行援護(15)"/>
      <sheetName val="２療養介護（21）"/>
      <sheetName val="３生活介護（22）"/>
      <sheetName val="５短期入所（24）"/>
      <sheetName val="６重度包括（14）"/>
      <sheetName val="７共同生活介護（31）"/>
      <sheetName val="８共同生活援助（33）"/>
      <sheetName val="９自立訓練（機能訓練）（41）"/>
      <sheetName val="１０自立訓練（生活訓練）（42）"/>
      <sheetName val="１１就労移行支援（43）"/>
      <sheetName val="１２就労継続Ａ型（45）"/>
      <sheetName val="１３就労継続支援Ｂ型（46）"/>
      <sheetName val="１５－１障害者支援施設（施設入所支援）（32）"/>
      <sheetName val="１５－２障害者支援施設（昼間実施サービス）"/>
      <sheetName val="１４－１一般相談支援（地域移行支援）（53）"/>
      <sheetName val="１４－２一般相談支援（地域定着支援）（54）"/>
      <sheetName val="特定相談支援（52）"/>
      <sheetName val="事業所指定状況"/>
      <sheetName val="指定状況（法人別）"/>
      <sheetName val="（15-2・16法人数計算）"/>
      <sheetName val="（7・8　単独・重複計算）"/>
      <sheetName val="（リスト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社会福祉法人</v>
          </cell>
        </row>
        <row r="3">
          <cell r="A3" t="str">
            <v>医療法人</v>
          </cell>
        </row>
        <row r="4">
          <cell r="A4" t="str">
            <v>民法法人（社団・財団）</v>
          </cell>
        </row>
        <row r="5">
          <cell r="A5" t="str">
            <v>営利法人</v>
          </cell>
        </row>
        <row r="6">
          <cell r="A6" t="str">
            <v>非営利法人（NPO)</v>
          </cell>
        </row>
        <row r="7">
          <cell r="A7" t="str">
            <v>農協</v>
          </cell>
        </row>
        <row r="8">
          <cell r="A8" t="str">
            <v>生協</v>
          </cell>
        </row>
        <row r="9">
          <cell r="A9" t="str">
            <v>その他の法人</v>
          </cell>
        </row>
        <row r="10">
          <cell r="A10" t="str">
            <v>地方公共団体（都道府県）</v>
          </cell>
        </row>
        <row r="11">
          <cell r="A11" t="str">
            <v>地方公共団体（市町村）</v>
          </cell>
        </row>
        <row r="12">
          <cell r="A12" t="str">
            <v>地方公共団体（広域連合・一部事務組合等）</v>
          </cell>
        </row>
        <row r="13">
          <cell r="A13" t="str">
            <v>非法人</v>
          </cell>
        </row>
        <row r="14">
          <cell r="A14" t="str">
            <v>国立施設</v>
          </cell>
        </row>
        <row r="15">
          <cell r="A15" t="str">
            <v>その他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I31"/>
  <sheetViews>
    <sheetView tabSelected="1" view="pageBreakPreview" zoomScaleNormal="100" zoomScaleSheetLayoutView="100" workbookViewId="0"/>
  </sheetViews>
  <sheetFormatPr defaultRowHeight="13.5" x14ac:dyDescent="0.15"/>
  <cols>
    <col min="1" max="1" width="11.625" customWidth="1"/>
    <col min="2" max="2" width="16.375" customWidth="1"/>
    <col min="3" max="3" width="4.875" customWidth="1"/>
    <col min="4" max="4" width="7.25" customWidth="1"/>
    <col min="5" max="5" width="14.125" customWidth="1"/>
    <col min="6" max="6" width="10.875" customWidth="1"/>
    <col min="7" max="7" width="9.125" customWidth="1"/>
    <col min="8" max="8" width="10.875" customWidth="1"/>
    <col min="9" max="9" width="9.125" customWidth="1"/>
  </cols>
  <sheetData>
    <row r="1" spans="1:9" ht="21" x14ac:dyDescent="0.15">
      <c r="A1" s="22" t="s">
        <v>29</v>
      </c>
    </row>
    <row r="2" spans="1:9" ht="11.25" customHeight="1" x14ac:dyDescent="0.15"/>
    <row r="3" spans="1:9" ht="14.25" thickBot="1" x14ac:dyDescent="0.2">
      <c r="A3" s="9" t="s">
        <v>25</v>
      </c>
    </row>
    <row r="4" spans="1:9" ht="14.25" customHeight="1" x14ac:dyDescent="0.15">
      <c r="A4" s="64" t="s">
        <v>17</v>
      </c>
      <c r="B4" s="65"/>
      <c r="C4" s="36" t="s">
        <v>16</v>
      </c>
      <c r="D4" s="51" t="s">
        <v>15</v>
      </c>
      <c r="E4" s="53" t="s">
        <v>14</v>
      </c>
      <c r="F4" s="55" t="s">
        <v>13</v>
      </c>
      <c r="G4" s="56"/>
      <c r="H4" s="58" t="s">
        <v>12</v>
      </c>
      <c r="I4" s="50"/>
    </row>
    <row r="5" spans="1:9" ht="27.75" customHeight="1" x14ac:dyDescent="0.15">
      <c r="A5" s="62"/>
      <c r="B5" s="63"/>
      <c r="C5" s="37"/>
      <c r="D5" s="52"/>
      <c r="E5" s="54"/>
      <c r="F5" s="17" t="s">
        <v>11</v>
      </c>
      <c r="G5" s="16" t="s">
        <v>10</v>
      </c>
      <c r="H5" s="17" t="s">
        <v>11</v>
      </c>
      <c r="I5" s="16" t="s">
        <v>10</v>
      </c>
    </row>
    <row r="6" spans="1:9" ht="18.75" customHeight="1" thickBot="1" x14ac:dyDescent="0.2">
      <c r="A6" s="41" t="s">
        <v>21</v>
      </c>
      <c r="B6" s="42"/>
      <c r="C6" s="4">
        <v>454</v>
      </c>
      <c r="D6" s="4">
        <v>10185</v>
      </c>
      <c r="E6" s="14">
        <v>1700705704</v>
      </c>
      <c r="F6" s="21">
        <v>121073.3</v>
      </c>
      <c r="G6" s="20">
        <v>14046.90963242928</v>
      </c>
      <c r="H6" s="21">
        <v>8723332.6220000014</v>
      </c>
      <c r="I6" s="20">
        <v>194.96054749888449</v>
      </c>
    </row>
    <row r="7" spans="1:9" ht="11.25" customHeight="1" x14ac:dyDescent="0.15"/>
    <row r="8" spans="1:9" x14ac:dyDescent="0.15">
      <c r="A8" s="19" t="s">
        <v>30</v>
      </c>
      <c r="B8" s="18"/>
    </row>
    <row r="9" spans="1:9" ht="27.75" customHeight="1" thickBot="1" x14ac:dyDescent="0.2">
      <c r="A9" s="48" t="s">
        <v>26</v>
      </c>
      <c r="B9" s="48"/>
      <c r="C9" s="48"/>
      <c r="D9" s="48"/>
      <c r="E9" s="48"/>
      <c r="F9" s="48"/>
      <c r="G9" s="48"/>
      <c r="H9" s="48"/>
      <c r="I9" s="48"/>
    </row>
    <row r="10" spans="1:9" ht="14.25" customHeight="1" x14ac:dyDescent="0.15">
      <c r="A10" s="52" t="s">
        <v>17</v>
      </c>
      <c r="B10" s="43" t="s">
        <v>22</v>
      </c>
      <c r="C10" s="45" t="s">
        <v>23</v>
      </c>
      <c r="D10" s="51" t="s">
        <v>15</v>
      </c>
      <c r="E10" s="53" t="s">
        <v>14</v>
      </c>
      <c r="F10" s="55" t="s">
        <v>13</v>
      </c>
      <c r="G10" s="56"/>
      <c r="H10" s="49" t="s">
        <v>12</v>
      </c>
      <c r="I10" s="50"/>
    </row>
    <row r="11" spans="1:9" ht="27.75" customHeight="1" x14ac:dyDescent="0.15">
      <c r="A11" s="43"/>
      <c r="B11" s="44"/>
      <c r="C11" s="37"/>
      <c r="D11" s="52"/>
      <c r="E11" s="54"/>
      <c r="F11" s="17" t="s">
        <v>11</v>
      </c>
      <c r="G11" s="16" t="s">
        <v>10</v>
      </c>
      <c r="H11" s="24" t="s">
        <v>11</v>
      </c>
      <c r="I11" s="16" t="s">
        <v>10</v>
      </c>
    </row>
    <row r="12" spans="1:9" ht="18.75" customHeight="1" x14ac:dyDescent="0.15">
      <c r="A12" s="39" t="s">
        <v>21</v>
      </c>
      <c r="B12" s="5" t="s">
        <v>20</v>
      </c>
      <c r="C12" s="15">
        <v>207</v>
      </c>
      <c r="D12" s="4">
        <v>4800</v>
      </c>
      <c r="E12" s="14">
        <v>849801999</v>
      </c>
      <c r="F12" s="28">
        <v>57524</v>
      </c>
      <c r="G12" s="29">
        <v>14773</v>
      </c>
      <c r="H12" s="30">
        <v>4608860</v>
      </c>
      <c r="I12" s="31">
        <v>184</v>
      </c>
    </row>
    <row r="13" spans="1:9" ht="18.75" customHeight="1" thickBot="1" x14ac:dyDescent="0.2">
      <c r="A13" s="40"/>
      <c r="B13" s="3" t="s">
        <v>19</v>
      </c>
      <c r="C13" s="13">
        <v>146</v>
      </c>
      <c r="D13" s="2">
        <v>3520</v>
      </c>
      <c r="E13" s="12">
        <v>677501942</v>
      </c>
      <c r="F13" s="32">
        <v>48466</v>
      </c>
      <c r="G13" s="33">
        <v>13979</v>
      </c>
      <c r="H13" s="34">
        <v>3173883</v>
      </c>
      <c r="I13" s="35">
        <v>213</v>
      </c>
    </row>
    <row r="14" spans="1:9" ht="18.75" customHeight="1" thickTop="1" thickBot="1" x14ac:dyDescent="0.2">
      <c r="A14" s="46" t="s">
        <v>0</v>
      </c>
      <c r="B14" s="47"/>
      <c r="C14" s="1">
        <f>SUM(C12:C13)</f>
        <v>353</v>
      </c>
      <c r="D14" s="1">
        <f t="shared" ref="D14:E14" si="0">SUM(D12:D13)</f>
        <v>8320</v>
      </c>
      <c r="E14" s="23">
        <f t="shared" si="0"/>
        <v>1527303941</v>
      </c>
      <c r="F14" s="11">
        <f>SUM(F12:F13)</f>
        <v>105990</v>
      </c>
      <c r="G14" s="10">
        <f>ROUND(IF(AND(E14&gt;0,F14&gt;0),E14/F14,0),0)</f>
        <v>14410</v>
      </c>
      <c r="H14" s="25">
        <f>SUM(H12:H13)</f>
        <v>7782743</v>
      </c>
      <c r="I14" s="10">
        <f>ROUND(IF(AND(E14&gt;0,H14&gt;0),E14/H14,0),0)</f>
        <v>196</v>
      </c>
    </row>
    <row r="15" spans="1:9" ht="37.5" customHeight="1" x14ac:dyDescent="0.15">
      <c r="A15" s="38" t="s">
        <v>27</v>
      </c>
      <c r="B15" s="38"/>
      <c r="C15" s="38"/>
      <c r="D15" s="38"/>
      <c r="E15" s="38"/>
      <c r="F15" s="38"/>
      <c r="G15" s="38"/>
      <c r="H15" s="38"/>
      <c r="I15" s="38"/>
    </row>
    <row r="16" spans="1:9" ht="11.25" customHeight="1" x14ac:dyDescent="0.15"/>
    <row r="17" spans="1:9" x14ac:dyDescent="0.15">
      <c r="A17" s="9" t="s">
        <v>31</v>
      </c>
    </row>
    <row r="18" spans="1:9" ht="27.75" customHeight="1" x14ac:dyDescent="0.15">
      <c r="A18" s="48" t="s">
        <v>28</v>
      </c>
      <c r="B18" s="48"/>
      <c r="C18" s="48"/>
      <c r="D18" s="48"/>
      <c r="E18" s="48"/>
      <c r="F18" s="48"/>
      <c r="G18" s="48"/>
      <c r="H18" s="48"/>
      <c r="I18" s="48"/>
    </row>
    <row r="19" spans="1:9" x14ac:dyDescent="0.15">
      <c r="A19" s="52" t="s">
        <v>18</v>
      </c>
      <c r="B19" s="52" t="s">
        <v>17</v>
      </c>
      <c r="C19" s="36" t="s">
        <v>16</v>
      </c>
      <c r="D19" s="51" t="s">
        <v>15</v>
      </c>
      <c r="E19" s="53" t="s">
        <v>14</v>
      </c>
      <c r="F19" s="52" t="s">
        <v>13</v>
      </c>
      <c r="G19" s="52"/>
      <c r="H19" s="52" t="s">
        <v>12</v>
      </c>
      <c r="I19" s="52"/>
    </row>
    <row r="20" spans="1:9" ht="27.75" customHeight="1" x14ac:dyDescent="0.15">
      <c r="A20" s="43"/>
      <c r="B20" s="43"/>
      <c r="C20" s="60"/>
      <c r="D20" s="43"/>
      <c r="E20" s="61"/>
      <c r="F20" s="8" t="s">
        <v>11</v>
      </c>
      <c r="G20" s="7" t="s">
        <v>10</v>
      </c>
      <c r="H20" s="8" t="s">
        <v>24</v>
      </c>
      <c r="I20" s="7" t="s">
        <v>10</v>
      </c>
    </row>
    <row r="21" spans="1:9" ht="18.75" customHeight="1" x14ac:dyDescent="0.15">
      <c r="A21" s="5" t="s">
        <v>9</v>
      </c>
      <c r="B21" s="39" t="s">
        <v>8</v>
      </c>
      <c r="C21" s="4">
        <v>110</v>
      </c>
      <c r="D21" s="4">
        <v>2855</v>
      </c>
      <c r="E21" s="4">
        <v>496355943</v>
      </c>
      <c r="F21" s="4">
        <v>34824</v>
      </c>
      <c r="G21" s="4">
        <v>14253</v>
      </c>
      <c r="H21" s="4">
        <v>2884065</v>
      </c>
      <c r="I21" s="4">
        <v>172</v>
      </c>
    </row>
    <row r="22" spans="1:9" ht="18.75" customHeight="1" x14ac:dyDescent="0.15">
      <c r="A22" s="5" t="s">
        <v>7</v>
      </c>
      <c r="B22" s="59"/>
      <c r="C22" s="4">
        <v>38</v>
      </c>
      <c r="D22" s="4">
        <v>768</v>
      </c>
      <c r="E22" s="4">
        <v>157350530</v>
      </c>
      <c r="F22" s="4">
        <v>9728</v>
      </c>
      <c r="G22" s="4">
        <v>16175</v>
      </c>
      <c r="H22" s="4">
        <v>743658</v>
      </c>
      <c r="I22" s="4">
        <v>212</v>
      </c>
    </row>
    <row r="23" spans="1:9" ht="18.75" customHeight="1" x14ac:dyDescent="0.15">
      <c r="A23" s="5" t="s">
        <v>6</v>
      </c>
      <c r="B23" s="59"/>
      <c r="C23" s="4">
        <v>35</v>
      </c>
      <c r="D23" s="4">
        <v>813</v>
      </c>
      <c r="E23" s="4">
        <v>141110426</v>
      </c>
      <c r="F23" s="4">
        <v>9963</v>
      </c>
      <c r="G23" s="4">
        <v>14163</v>
      </c>
      <c r="H23" s="4">
        <v>657727</v>
      </c>
      <c r="I23" s="4">
        <v>215</v>
      </c>
    </row>
    <row r="24" spans="1:9" ht="18.75" customHeight="1" x14ac:dyDescent="0.15">
      <c r="A24" s="6" t="s">
        <v>5</v>
      </c>
      <c r="B24" s="59"/>
      <c r="C24" s="4">
        <v>31</v>
      </c>
      <c r="D24" s="4">
        <v>665</v>
      </c>
      <c r="E24" s="4">
        <v>115077746</v>
      </c>
      <c r="F24" s="4">
        <v>7923</v>
      </c>
      <c r="G24" s="4">
        <v>14525</v>
      </c>
      <c r="H24" s="4">
        <v>468776</v>
      </c>
      <c r="I24" s="4">
        <v>245</v>
      </c>
    </row>
    <row r="25" spans="1:9" ht="18.75" customHeight="1" x14ac:dyDescent="0.15">
      <c r="A25" s="5" t="s">
        <v>4</v>
      </c>
      <c r="B25" s="59"/>
      <c r="C25" s="4">
        <v>25</v>
      </c>
      <c r="D25" s="4">
        <v>611</v>
      </c>
      <c r="E25" s="4">
        <v>139559161</v>
      </c>
      <c r="F25" s="4">
        <v>8551</v>
      </c>
      <c r="G25" s="4">
        <v>16321</v>
      </c>
      <c r="H25" s="4">
        <v>612421</v>
      </c>
      <c r="I25" s="4">
        <v>228</v>
      </c>
    </row>
    <row r="26" spans="1:9" ht="18.75" customHeight="1" x14ac:dyDescent="0.15">
      <c r="A26" s="5" t="s">
        <v>3</v>
      </c>
      <c r="B26" s="59"/>
      <c r="C26" s="4">
        <v>39</v>
      </c>
      <c r="D26" s="4">
        <v>986</v>
      </c>
      <c r="E26" s="4">
        <v>233090488</v>
      </c>
      <c r="F26" s="4">
        <v>13691</v>
      </c>
      <c r="G26" s="4">
        <v>17025</v>
      </c>
      <c r="H26" s="4">
        <v>943445</v>
      </c>
      <c r="I26" s="4">
        <v>247</v>
      </c>
    </row>
    <row r="27" spans="1:9" ht="18.75" customHeight="1" x14ac:dyDescent="0.15">
      <c r="A27" s="5" t="s">
        <v>2</v>
      </c>
      <c r="B27" s="59"/>
      <c r="C27" s="4">
        <v>52</v>
      </c>
      <c r="D27" s="4">
        <v>1043</v>
      </c>
      <c r="E27" s="4">
        <v>157946470</v>
      </c>
      <c r="F27" s="4">
        <v>12960</v>
      </c>
      <c r="G27" s="4">
        <v>12187</v>
      </c>
      <c r="H27" s="4">
        <v>923729</v>
      </c>
      <c r="I27" s="4">
        <v>171</v>
      </c>
    </row>
    <row r="28" spans="1:9" ht="18.75" customHeight="1" thickBot="1" x14ac:dyDescent="0.2">
      <c r="A28" s="3" t="s">
        <v>1</v>
      </c>
      <c r="B28" s="40"/>
      <c r="C28" s="2">
        <v>23</v>
      </c>
      <c r="D28" s="2">
        <v>579</v>
      </c>
      <c r="E28" s="2">
        <v>86813177</v>
      </c>
      <c r="F28" s="2">
        <v>8350</v>
      </c>
      <c r="G28" s="2">
        <v>10397</v>
      </c>
      <c r="H28" s="2">
        <v>548922</v>
      </c>
      <c r="I28" s="2">
        <v>158</v>
      </c>
    </row>
    <row r="29" spans="1:9" ht="18.75" customHeight="1" thickTop="1" x14ac:dyDescent="0.15">
      <c r="A29" s="62" t="s">
        <v>0</v>
      </c>
      <c r="B29" s="63"/>
      <c r="C29" s="1">
        <f>SUM(C21:C28)</f>
        <v>353</v>
      </c>
      <c r="D29" s="1">
        <f>SUM(D21:D28)</f>
        <v>8320</v>
      </c>
      <c r="E29" s="1">
        <f>SUM(E21:E28)</f>
        <v>1527303941</v>
      </c>
      <c r="F29" s="1">
        <f t="shared" ref="F29:H29" si="1">SUM(F21:F28)</f>
        <v>105990</v>
      </c>
      <c r="G29" s="27">
        <v>14409.887168600811</v>
      </c>
      <c r="H29" s="26">
        <f t="shared" si="1"/>
        <v>7782743</v>
      </c>
      <c r="I29" s="27">
        <v>196.24238832662718</v>
      </c>
    </row>
    <row r="30" spans="1:9" ht="33" customHeight="1" x14ac:dyDescent="0.15">
      <c r="A30" s="57"/>
      <c r="B30" s="57"/>
      <c r="C30" s="57"/>
      <c r="D30" s="57"/>
      <c r="E30" s="57"/>
      <c r="F30" s="57"/>
      <c r="G30" s="57"/>
      <c r="H30" s="57"/>
      <c r="I30" s="57"/>
    </row>
    <row r="31" spans="1:9" x14ac:dyDescent="0.15">
      <c r="A31" s="38"/>
      <c r="B31" s="38"/>
      <c r="C31" s="38"/>
      <c r="D31" s="38"/>
      <c r="E31" s="38"/>
      <c r="F31" s="38"/>
      <c r="G31" s="38"/>
      <c r="H31" s="38"/>
      <c r="I31" s="38"/>
    </row>
  </sheetData>
  <mergeCells count="29">
    <mergeCell ref="A18:I18"/>
    <mergeCell ref="A30:I31"/>
    <mergeCell ref="H4:I4"/>
    <mergeCell ref="H19:I19"/>
    <mergeCell ref="B21:B28"/>
    <mergeCell ref="B19:B20"/>
    <mergeCell ref="C19:C20"/>
    <mergeCell ref="D19:D20"/>
    <mergeCell ref="E19:E20"/>
    <mergeCell ref="A29:B29"/>
    <mergeCell ref="F19:G19"/>
    <mergeCell ref="D4:D5"/>
    <mergeCell ref="E4:E5"/>
    <mergeCell ref="F4:G4"/>
    <mergeCell ref="A19:A20"/>
    <mergeCell ref="A4:B5"/>
    <mergeCell ref="C4:C5"/>
    <mergeCell ref="A15:I15"/>
    <mergeCell ref="A12:A13"/>
    <mergeCell ref="A6:B6"/>
    <mergeCell ref="B10:B11"/>
    <mergeCell ref="C10:C11"/>
    <mergeCell ref="A14:B14"/>
    <mergeCell ref="A9:I9"/>
    <mergeCell ref="H10:I10"/>
    <mergeCell ref="D10:D11"/>
    <mergeCell ref="E10:E11"/>
    <mergeCell ref="F10:G10"/>
    <mergeCell ref="A10:A11"/>
  </mergeCells>
  <phoneticPr fontId="2"/>
  <pageMargins left="0.51181102362204722" right="0.51181102362204722" top="0.74803149606299213" bottom="0.55118110236220474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概要【プラン対象】</vt:lpstr>
      <vt:lpstr>概要【プラン対象】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Windows ユーザー</cp:lastModifiedBy>
  <cp:lastPrinted>2018-09-04T04:05:40Z</cp:lastPrinted>
  <dcterms:created xsi:type="dcterms:W3CDTF">2013-06-24T06:43:24Z</dcterms:created>
  <dcterms:modified xsi:type="dcterms:W3CDTF">2018-09-07T04:26:01Z</dcterms:modified>
</cp:coreProperties>
</file>